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68" d="100"/>
          <a:sy n="68" d="100"/>
        </p:scale>
        <p:origin x="88" y="1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B00D84-389F-04F4-111C-BE767B217A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191A6A6-45EA-19F5-B4D6-A9BB8C40252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871A12-28E7-60E9-3092-9402A39115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4486E1-0DCD-5B11-24BF-7E15465998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167A9D-5F68-936A-2DE7-602785F2C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0542583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0C0D2B-2023-EA76-8B58-5DAE4778BC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275F115-34BF-0943-1C60-AC861E1351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C0CA22-BB0E-938E-3D04-A7550E1231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F43EE4-D52A-6BAF-852D-B90FB2ED3C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08E039-477D-F1BE-3B0F-9DF884AF28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77408651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A1D6413-9A8E-750F-BE8E-16EFBDCB0FA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ADFD193-F3FC-9BDE-BD90-9B23692F22A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738EB87-76DC-B189-8A35-E862F8E64F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52AA75-C205-B141-F8D3-1AB1A99B70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D4FA808-7B51-4229-3E1B-069D4C30CE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189087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C1B923-9FF0-3B3E-FA0E-7A7F640201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8B4CCC-FA98-470E-6372-1864FEC323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8B74F9-0612-4970-F647-4BEFDC713C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477E21-D0D7-49A8-5C24-F3A46717A6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87398D-2903-B437-C631-60580E92B2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418993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F50E26-14DF-94D4-ABE5-877103A232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1FF22B-16C2-7E0B-8925-51C4942102E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170ACB-034E-93A5-7164-063FD9415B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9FFA04-1EBE-5522-E680-24800767A9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FAB17B0-2356-9DB8-9D25-F9311107C0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93274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6A0FC-39AE-984B-C6B1-55FE75326C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882414-0C7A-E84E-C675-E1EB6A70A7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33F2B79-A3AC-7077-1756-F89EDC06958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4ED0679-52F8-2847-85CD-2037D0724F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79E09B-0950-4B02-59F4-573B50AF29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FF26ABE-96E4-2F17-314F-20DFC166FD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1443938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56D61C-1F8E-3EF9-BE77-77365C535A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7C0166-2A4F-65E1-115F-936D6C7B8EC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6AD6557-D600-E786-9D28-279273170F9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2EA84B6-2754-3E9C-A119-9595A260CA1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5012027-C1A8-952B-6C4B-B2F5BCDF9E3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03E7132-E311-D506-9B9A-67445F5955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AA16A7-C80D-5F3D-7C91-93BE1CFC5E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A3BAF87-F212-DF7C-6B10-DF748CAD9D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6442910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4BF4F3-4827-9E6E-A0F7-168EDD22B3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83B6CD7-181F-EE95-3B43-828E471C4E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737F1A7-304D-5202-6F0E-80687783D1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854B1F5-369A-BBFB-3888-7F7180F3AC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2127599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C937A3E-5E72-4A92-67C5-F060F132F2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3F7969F-8E29-7A2D-1EDE-F04BAF5CA6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13BF9D3-7B40-C462-F422-618D16D0F4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9936354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921AB2-1724-9567-8EC9-085BED4311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2A970E-FE16-86FA-6126-3F2B11878AA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0FF3EA7-9B75-758A-8613-23A5A690679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A44B8E-F648-4970-78D6-99EB836BCE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96D281-6BCD-0AF9-DE4F-186384D003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280094-5196-714E-30DB-F352943DDC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77720234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5C8F7C-104A-BDC0-C6F8-2EF36FDC70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7674D92-74B1-7C7E-2E4B-7E1E29F4984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6229BE1-4D98-37BF-328F-B6CDE72E4E5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656C37-7C28-DF95-F8EB-BEFE4AEA58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07EB306-CF94-6B9C-6A46-8403610A74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9A33F8-65B1-1EDE-1546-28A7204742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599651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AF8EFB1-1304-3AED-0BBE-330778B479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385E51C-B7FB-E660-B014-A3CF3B18715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3640F-7D8A-3A0D-E837-9A0A38624E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31F2155-F77E-41F5-A7C2-E8349C3C17E7}" type="datetimeFigureOut">
              <a:rPr lang="en-IN" smtClean="0"/>
              <a:t>06-07-2022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D9A310F-5C97-05B9-D405-C7A5E528A65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1EBA80-65CC-4708-60C3-45E9053B0A3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BBBAD16-353F-455E-BE4F-8345A28FDED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6711956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168536-3864-597B-DF08-062171A826A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D6BAC03-3205-5702-2E19-9550A6227A1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9041040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954029A2-12C5-5768-08EB-E43392B6F21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1765469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F5CC852-DB25-5617-7FA8-EB10829B284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1765469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722" name="OTLSHAPE_T_5eaad65400304fe4bd1abb2679cbeff7_LeftVerticalConnector1">
            <a:extLst>
              <a:ext uri="{FF2B5EF4-FFF2-40B4-BE49-F238E27FC236}">
                <a16:creationId xmlns:a16="http://schemas.microsoft.com/office/drawing/2014/main" id="{52E7F8BD-E6DD-FA6C-6DCD-EFB1EDB53B1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V="1">
            <a:off x="2605263" y="2095500"/>
            <a:ext cx="0" cy="788374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3" name="OTLSHAPE_T_5eaad65400304fe4bd1abb2679cbeff7_RightVerticalConnector1">
            <a:extLst>
              <a:ext uri="{FF2B5EF4-FFF2-40B4-BE49-F238E27FC236}">
                <a16:creationId xmlns:a16="http://schemas.microsoft.com/office/drawing/2014/main" id="{C0CBE0D6-EA4D-B716-E9F0-E2785F3274E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3004200" y="2095500"/>
            <a:ext cx="0" cy="686774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4" name="OTLSHAPE_T_60e31057875742aea186e9568d4a494b_LeftVerticalConnector1">
            <a:extLst>
              <a:ext uri="{FF2B5EF4-FFF2-40B4-BE49-F238E27FC236}">
                <a16:creationId xmlns:a16="http://schemas.microsoft.com/office/drawing/2014/main" id="{DC8E6447-589B-AD11-449D-EAB899C02A3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937756" y="2095500"/>
            <a:ext cx="0" cy="51625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5" name="OTLSHAPE_T_60e31057875742aea186e9568d4a494b_LeftVerticalConnector2">
            <a:extLst>
              <a:ext uri="{FF2B5EF4-FFF2-40B4-BE49-F238E27FC236}">
                <a16:creationId xmlns:a16="http://schemas.microsoft.com/office/drawing/2014/main" id="{F3C5E343-34AE-52C0-8399-A295DCD8F3A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937756" y="2985474"/>
            <a:ext cx="0" cy="33561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" name="OTLSHAPE_T_60e31057875742aea186e9568d4a494b_RightVerticalConnector1" hidden="1">
            <a:extLst>
              <a:ext uri="{FF2B5EF4-FFF2-40B4-BE49-F238E27FC236}">
                <a16:creationId xmlns:a16="http://schemas.microsoft.com/office/drawing/2014/main" id="{AF7E7137-E814-FDF7-1610-E06FE2656AC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011338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" name="OTLSHAPE_T_60e31057875742aea186e9568d4a494b_RightVerticalConnector2" hidden="1">
            <a:extLst>
              <a:ext uri="{FF2B5EF4-FFF2-40B4-BE49-F238E27FC236}">
                <a16:creationId xmlns:a16="http://schemas.microsoft.com/office/drawing/2014/main" id="{FBBD4C86-9C17-DB46-53F5-6C5072C3CAE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011338" y="2782274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8" name="OTLSHAPE_T_852735e75d9d493e8788bfedd541e741_LeftVerticalConnector1">
            <a:extLst>
              <a:ext uri="{FF2B5EF4-FFF2-40B4-BE49-F238E27FC236}">
                <a16:creationId xmlns:a16="http://schemas.microsoft.com/office/drawing/2014/main" id="{24CFC20E-6FED-056B-384A-F99E37F9633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03182" y="2095500"/>
            <a:ext cx="0" cy="51625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9" name="OTLSHAPE_T_852735e75d9d493e8788bfedd541e741_LeftVerticalConnector2">
            <a:extLst>
              <a:ext uri="{FF2B5EF4-FFF2-40B4-BE49-F238E27FC236}">
                <a16:creationId xmlns:a16="http://schemas.microsoft.com/office/drawing/2014/main" id="{0D37322E-D5B5-43FF-BDFF-7AFF8D39EF4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03182" y="2961386"/>
            <a:ext cx="0" cy="8758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0" name="OTLSHAPE_T_852735e75d9d493e8788bfedd541e741_LeftVerticalConnector3">
            <a:extLst>
              <a:ext uri="{FF2B5EF4-FFF2-40B4-BE49-F238E27FC236}">
                <a16:creationId xmlns:a16="http://schemas.microsoft.com/office/drawing/2014/main" id="{BA2EB574-D636-AEB2-73C5-50CF93002F4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03182" y="3219492"/>
            <a:ext cx="0" cy="5388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1" name="OTLSHAPE_T_852735e75d9d493e8788bfedd541e741_RightVerticalConnector1" hidden="1">
            <a:extLst>
              <a:ext uri="{FF2B5EF4-FFF2-40B4-BE49-F238E27FC236}">
                <a16:creationId xmlns:a16="http://schemas.microsoft.com/office/drawing/2014/main" id="{CCA4527B-4343-31CC-F87C-1EE230377F5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761796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2" name="OTLSHAPE_T_852735e75d9d493e8788bfedd541e741_RightVerticalConnector2" hidden="1">
            <a:extLst>
              <a:ext uri="{FF2B5EF4-FFF2-40B4-BE49-F238E27FC236}">
                <a16:creationId xmlns:a16="http://schemas.microsoft.com/office/drawing/2014/main" id="{C1171901-C95B-2FC7-B086-C8880F011D1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761796" y="2782274"/>
            <a:ext cx="0" cy="8744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" name="OTLSHAPE_T_8e556444316f4823a8f4f6250fc98c5e_LeftVerticalConnector1">
            <a:extLst>
              <a:ext uri="{FF2B5EF4-FFF2-40B4-BE49-F238E27FC236}">
                <a16:creationId xmlns:a16="http://schemas.microsoft.com/office/drawing/2014/main" id="{345628CF-7763-DC68-6783-14BA95F00CD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001586" y="2095500"/>
            <a:ext cx="0" cy="51625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" name="OTLSHAPE_T_8e556444316f4823a8f4f6250fc98c5e_LeftVerticalConnector2">
            <a:extLst>
              <a:ext uri="{FF2B5EF4-FFF2-40B4-BE49-F238E27FC236}">
                <a16:creationId xmlns:a16="http://schemas.microsoft.com/office/drawing/2014/main" id="{14966799-DAA4-92F9-2C87-5961780BE3F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001586" y="2782274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" name="OTLSHAPE_T_8e556444316f4823a8f4f6250fc98c5e_LeftVerticalConnector3">
            <a:extLst>
              <a:ext uri="{FF2B5EF4-FFF2-40B4-BE49-F238E27FC236}">
                <a16:creationId xmlns:a16="http://schemas.microsoft.com/office/drawing/2014/main" id="{678DEB1F-5587-C9BF-99F4-14E5C928917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001586" y="3219492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6" name="OTLSHAPE_T_8e556444316f4823a8f4f6250fc98c5e_RightVerticalConnector1" hidden="1">
            <a:extLst>
              <a:ext uri="{FF2B5EF4-FFF2-40B4-BE49-F238E27FC236}">
                <a16:creationId xmlns:a16="http://schemas.microsoft.com/office/drawing/2014/main" id="{9ECF6953-D6BC-3915-92AB-331DAEAF875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95332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7" name="OTLSHAPE_T_8e556444316f4823a8f4f6250fc98c5e_RightVerticalConnector2" hidden="1">
            <a:extLst>
              <a:ext uri="{FF2B5EF4-FFF2-40B4-BE49-F238E27FC236}">
                <a16:creationId xmlns:a16="http://schemas.microsoft.com/office/drawing/2014/main" id="{0F44839C-0DD3-4C46-CB59-31AF755AB9B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095332" y="2782274"/>
            <a:ext cx="0" cy="898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8" name="OTLSHAPE_T_8e556444316f4823a8f4f6250fc98c5e_RightVerticalConnector3" hidden="1">
            <a:extLst>
              <a:ext uri="{FF2B5EF4-FFF2-40B4-BE49-F238E27FC236}">
                <a16:creationId xmlns:a16="http://schemas.microsoft.com/office/drawing/2014/main" id="{94461E05-EB1A-75BF-6DE7-3B4213714B9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095332" y="3835823"/>
            <a:ext cx="0" cy="25810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9" name="OTLSHAPE_T_14f19085008b4a2fb769054df4c28a4e_LeftVerticalConnector1">
            <a:extLst>
              <a:ext uri="{FF2B5EF4-FFF2-40B4-BE49-F238E27FC236}">
                <a16:creationId xmlns:a16="http://schemas.microsoft.com/office/drawing/2014/main" id="{F6935C27-D982-7D30-3F9C-B79A7517D32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267543" y="2095500"/>
            <a:ext cx="0" cy="51625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0" name="OTLSHAPE_T_14f19085008b4a2fb769054df4c28a4e_LeftVerticalConnector2">
            <a:extLst>
              <a:ext uri="{FF2B5EF4-FFF2-40B4-BE49-F238E27FC236}">
                <a16:creationId xmlns:a16="http://schemas.microsoft.com/office/drawing/2014/main" id="{BF3DE2F4-D530-C893-AE49-94E2E495BD5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267543" y="2782274"/>
            <a:ext cx="0" cy="7039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1" name="OTLSHAPE_T_14f19085008b4a2fb769054df4c28a4e_LeftVerticalConnector3">
            <a:extLst>
              <a:ext uri="{FF2B5EF4-FFF2-40B4-BE49-F238E27FC236}">
                <a16:creationId xmlns:a16="http://schemas.microsoft.com/office/drawing/2014/main" id="{E1CB17EF-A422-8680-B88B-02BC0EAC72F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267543" y="3835823"/>
            <a:ext cx="0" cy="8758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2" name="OTLSHAPE_T_14f19085008b4a2fb769054df4c28a4e_LeftVerticalConnector4">
            <a:extLst>
              <a:ext uri="{FF2B5EF4-FFF2-40B4-BE49-F238E27FC236}">
                <a16:creationId xmlns:a16="http://schemas.microsoft.com/office/drawing/2014/main" id="{C6343749-501E-FDBC-E140-F78D29F4BDE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267543" y="4093930"/>
            <a:ext cx="0" cy="53881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3" name="OTLSHAPE_T_14f19085008b4a2fb769054df4c28a4e_RightVerticalConnector1" hidden="1">
            <a:extLst>
              <a:ext uri="{FF2B5EF4-FFF2-40B4-BE49-F238E27FC236}">
                <a16:creationId xmlns:a16="http://schemas.microsoft.com/office/drawing/2014/main" id="{FC0918AB-3E4A-CE17-B0AF-9D8F23E9A7D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095943" y="2095500"/>
            <a:ext cx="0" cy="182791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4" name="OTLSHAPE_T_14f19085008b4a2fb769054df4c28a4e_RightVerticalConnector2" hidden="1">
            <a:extLst>
              <a:ext uri="{FF2B5EF4-FFF2-40B4-BE49-F238E27FC236}">
                <a16:creationId xmlns:a16="http://schemas.microsoft.com/office/drawing/2014/main" id="{495AECE6-0A85-6D3A-61CA-7B03BBC060C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95943" y="4093930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5" name="OTLSHAPE_T_f6fdc4751ef14a519bd0c88d0a8e4406_LeftVerticalConnector1">
            <a:extLst>
              <a:ext uri="{FF2B5EF4-FFF2-40B4-BE49-F238E27FC236}">
                <a16:creationId xmlns:a16="http://schemas.microsoft.com/office/drawing/2014/main" id="{D1BA9388-0800-E7FB-DDA0-A8041E7FD03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065416" y="2095500"/>
            <a:ext cx="0" cy="51625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" name="OTLSHAPE_T_f6fdc4751ef14a519bd0c88d0a8e4406_LeftVerticalConnector2">
            <a:extLst>
              <a:ext uri="{FF2B5EF4-FFF2-40B4-BE49-F238E27FC236}">
                <a16:creationId xmlns:a16="http://schemas.microsoft.com/office/drawing/2014/main" id="{6CDC292D-763D-B162-B12F-4017E55938C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065416" y="2782274"/>
            <a:ext cx="0" cy="114113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7" name="OTLSHAPE_T_f6fdc4751ef14a519bd0c88d0a8e4406_LeftVerticalConnector3">
            <a:extLst>
              <a:ext uri="{FF2B5EF4-FFF2-40B4-BE49-F238E27FC236}">
                <a16:creationId xmlns:a16="http://schemas.microsoft.com/office/drawing/2014/main" id="{434D1643-EC74-376D-4BE8-1DA8B065C1B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065416" y="4093930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8" name="OTLSHAPE_T_f6fdc4751ef14a519bd0c88d0a8e4406_RightVerticalConnector1" hidden="1">
            <a:extLst>
              <a:ext uri="{FF2B5EF4-FFF2-40B4-BE49-F238E27FC236}">
                <a16:creationId xmlns:a16="http://schemas.microsoft.com/office/drawing/2014/main" id="{724C7AA6-41CC-7203-C6AC-09C8E08D943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930394" y="2095500"/>
            <a:ext cx="0" cy="226513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9" name="OTLSHAPE_T_f6fdc4751ef14a519bd0c88d0a8e4406_RightVerticalConnector2" hidden="1">
            <a:extLst>
              <a:ext uri="{FF2B5EF4-FFF2-40B4-BE49-F238E27FC236}">
                <a16:creationId xmlns:a16="http://schemas.microsoft.com/office/drawing/2014/main" id="{814139D8-AE9A-CBB5-C16A-2DD5BE3F3599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930394" y="4531148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0" name="OTLSHAPE_T_a29b6bcc827e4a23928a4c4170a9df7c_LeftVerticalConnector1">
            <a:extLst>
              <a:ext uri="{FF2B5EF4-FFF2-40B4-BE49-F238E27FC236}">
                <a16:creationId xmlns:a16="http://schemas.microsoft.com/office/drawing/2014/main" id="{6D4A9828-D362-C170-410F-F7EEC265DAA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528181" y="2095501"/>
            <a:ext cx="0" cy="182791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1" name="OTLSHAPE_T_a29b6bcc827e4a23928a4c4170a9df7c_LeftVerticalConnector2">
            <a:extLst>
              <a:ext uri="{FF2B5EF4-FFF2-40B4-BE49-F238E27FC236}">
                <a16:creationId xmlns:a16="http://schemas.microsoft.com/office/drawing/2014/main" id="{1FBB0449-85DD-C4A7-B7B4-E1A41106465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528181" y="4093930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2" name="OTLSHAPE_T_a29b6bcc827e4a23928a4c4170a9df7c_LeftVerticalConnector3">
            <a:extLst>
              <a:ext uri="{FF2B5EF4-FFF2-40B4-BE49-F238E27FC236}">
                <a16:creationId xmlns:a16="http://schemas.microsoft.com/office/drawing/2014/main" id="{83A18985-2852-1C0C-400B-E93D381BC7B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28181" y="4531148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3" name="OTLSHAPE_T_a29b6bcc827e4a23928a4c4170a9df7c_RightVerticalConnector1">
            <a:extLst>
              <a:ext uri="{FF2B5EF4-FFF2-40B4-BE49-F238E27FC236}">
                <a16:creationId xmlns:a16="http://schemas.microsoft.com/office/drawing/2014/main" id="{AAEE1032-639E-88B1-CB41-88384D0C5B1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060050" y="2095500"/>
            <a:ext cx="0" cy="226513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4" name="OTLSHAPE_T_a29b6bcc827e4a23928a4c4170a9df7c_RightVerticalConnector2">
            <a:extLst>
              <a:ext uri="{FF2B5EF4-FFF2-40B4-BE49-F238E27FC236}">
                <a16:creationId xmlns:a16="http://schemas.microsoft.com/office/drawing/2014/main" id="{19AAA8B9-4219-9969-A775-353B9F3F670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060050" y="4531148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5" name="OTLSHAPE_T_62f563d90a8b48f7b63415ec432e8b92_LeftVerticalConnector1">
            <a:extLst>
              <a:ext uri="{FF2B5EF4-FFF2-40B4-BE49-F238E27FC236}">
                <a16:creationId xmlns:a16="http://schemas.microsoft.com/office/drawing/2014/main" id="{F32F749E-4479-1D70-81DB-2174E3614F4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126585" y="2095500"/>
            <a:ext cx="0" cy="226513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6" name="OTLSHAPE_T_62f563d90a8b48f7b63415ec432e8b92_LeftVerticalConnector2">
            <a:extLst>
              <a:ext uri="{FF2B5EF4-FFF2-40B4-BE49-F238E27FC236}">
                <a16:creationId xmlns:a16="http://schemas.microsoft.com/office/drawing/2014/main" id="{91A9F09D-7F20-A828-581C-5C9FBC208242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126585" y="4531148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7" name="OTLSHAPE_T_62f563d90a8b48f7b63415ec432e8b92_LeftVerticalConnector3">
            <a:extLst>
              <a:ext uri="{FF2B5EF4-FFF2-40B4-BE49-F238E27FC236}">
                <a16:creationId xmlns:a16="http://schemas.microsoft.com/office/drawing/2014/main" id="{5F21CD9A-ECDA-E49D-4656-ADCC026692E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126585" y="4968367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8" name="OTLSHAPE_T_62f563d90a8b48f7b63415ec432e8b92_RightVerticalConnector1" hidden="1">
            <a:extLst>
              <a:ext uri="{FF2B5EF4-FFF2-40B4-BE49-F238E27FC236}">
                <a16:creationId xmlns:a16="http://schemas.microsoft.com/office/drawing/2014/main" id="{67FD3471-00E5-D568-FBD2-3CCCE4D5A98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347926" y="2095500"/>
            <a:ext cx="0" cy="313956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9" name="OTLSHAPE_T_62f563d90a8b48f7b63415ec432e8b92_RightVerticalConnector2" hidden="1">
            <a:extLst>
              <a:ext uri="{FF2B5EF4-FFF2-40B4-BE49-F238E27FC236}">
                <a16:creationId xmlns:a16="http://schemas.microsoft.com/office/drawing/2014/main" id="{E3BD6D60-95F3-0FA0-170E-49D557387374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347926" y="5405586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0" name="OTLSHAPE_T_ec32e750d7e14fa6b8cf469226794158_LeftVerticalConnector1">
            <a:extLst>
              <a:ext uri="{FF2B5EF4-FFF2-40B4-BE49-F238E27FC236}">
                <a16:creationId xmlns:a16="http://schemas.microsoft.com/office/drawing/2014/main" id="{611028D9-F4F3-1A71-9FB3-D1FC9A883F9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658500" y="2095500"/>
            <a:ext cx="0" cy="226513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1" name="OTLSHAPE_T_ec32e750d7e14fa6b8cf469226794158_LeftVerticalConnector2">
            <a:extLst>
              <a:ext uri="{FF2B5EF4-FFF2-40B4-BE49-F238E27FC236}">
                <a16:creationId xmlns:a16="http://schemas.microsoft.com/office/drawing/2014/main" id="{1D0B5A6A-F538-03ED-390F-093C5AB41B8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658500" y="4531148"/>
            <a:ext cx="0" cy="7039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2" name="OTLSHAPE_T_ec32e750d7e14fa6b8cf469226794158_LeftVerticalConnector3">
            <a:extLst>
              <a:ext uri="{FF2B5EF4-FFF2-40B4-BE49-F238E27FC236}">
                <a16:creationId xmlns:a16="http://schemas.microsoft.com/office/drawing/2014/main" id="{0E2AFCE2-DB2C-029A-05A8-AE65610AE3A0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658500" y="5405586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3" name="OTLSHAPE_T_ec32e750d7e14fa6b8cf469226794158_RightVerticalConnector1">
            <a:extLst>
              <a:ext uri="{FF2B5EF4-FFF2-40B4-BE49-F238E27FC236}">
                <a16:creationId xmlns:a16="http://schemas.microsoft.com/office/drawing/2014/main" id="{41E92225-4EAC-85C6-6CEC-87657C28F411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190368" y="2095500"/>
            <a:ext cx="0" cy="313956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4" name="OTLSHAPE_T_ec32e750d7e14fa6b8cf469226794158_RightVerticalConnector2">
            <a:extLst>
              <a:ext uri="{FF2B5EF4-FFF2-40B4-BE49-F238E27FC236}">
                <a16:creationId xmlns:a16="http://schemas.microsoft.com/office/drawing/2014/main" id="{F1980DFF-0688-44DA-5A04-AB6223BBBEDB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8190368" y="5405586"/>
            <a:ext cx="0" cy="2667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5" name="OTLSHAPE_T_ec32e750d7e14fa6b8cf469226794158_RightVerticalConnector3">
            <a:extLst>
              <a:ext uri="{FF2B5EF4-FFF2-40B4-BE49-F238E27FC236}">
                <a16:creationId xmlns:a16="http://schemas.microsoft.com/office/drawing/2014/main" id="{AB7419BA-62FC-8747-F079-F7BFBD2241EF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8190368" y="5842804"/>
            <a:ext cx="0" cy="4372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52735e75d9d493e8788bfedd541e741_RightVerticalConnector3" hidden="1">
            <a:extLst>
              <a:ext uri="{FF2B5EF4-FFF2-40B4-BE49-F238E27FC236}">
                <a16:creationId xmlns:a16="http://schemas.microsoft.com/office/drawing/2014/main" id="{8DC7EFD3-362E-2E3B-F478-04592FE16E96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4001540" y="3219492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8e556444316f4823a8f4f6250fc98c5e_LeftVerticalConnector4">
            <a:extLst>
              <a:ext uri="{FF2B5EF4-FFF2-40B4-BE49-F238E27FC236}">
                <a16:creationId xmlns:a16="http://schemas.microsoft.com/office/drawing/2014/main" id="{6190354F-4A62-8148-B8EA-B1789294EEAF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4001586" y="3656711"/>
            <a:ext cx="0" cy="5388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14f19085008b4a2fb769054df4c28a4e_RightVerticalConnector3" hidden="1">
            <a:extLst>
              <a:ext uri="{FF2B5EF4-FFF2-40B4-BE49-F238E27FC236}">
                <a16:creationId xmlns:a16="http://schemas.microsoft.com/office/drawing/2014/main" id="{B0CE5E40-D3E0-39BC-EB7C-3A934B6FD2D6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5065369" y="4093930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f6fdc4751ef14a519bd0c88d0a8e4406_LeftVerticalConnector4">
            <a:extLst>
              <a:ext uri="{FF2B5EF4-FFF2-40B4-BE49-F238E27FC236}">
                <a16:creationId xmlns:a16="http://schemas.microsoft.com/office/drawing/2014/main" id="{787BAC8A-6BD6-5237-3EFA-F43D455344D7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065416" y="4531148"/>
            <a:ext cx="0" cy="5388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f6fdc4751ef14a519bd0c88d0a8e4406_RightVerticalConnector3" hidden="1">
            <a:extLst>
              <a:ext uri="{FF2B5EF4-FFF2-40B4-BE49-F238E27FC236}">
                <a16:creationId xmlns:a16="http://schemas.microsoft.com/office/drawing/2014/main" id="{BC3624F7-6A94-278B-D27F-C68CE80EA71E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6528135" y="4531148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a29b6bcc827e4a23928a4c4170a9df7c_LeftVerticalConnector4">
            <a:extLst>
              <a:ext uri="{FF2B5EF4-FFF2-40B4-BE49-F238E27FC236}">
                <a16:creationId xmlns:a16="http://schemas.microsoft.com/office/drawing/2014/main" id="{3B1B2F3C-6729-BB8F-B63D-806C20218903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6528181" y="4968367"/>
            <a:ext cx="0" cy="5388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a29b6bcc827e4a23928a4c4170a9df7c_RightVerticalConnector3">
            <a:extLst>
              <a:ext uri="{FF2B5EF4-FFF2-40B4-BE49-F238E27FC236}">
                <a16:creationId xmlns:a16="http://schemas.microsoft.com/office/drawing/2014/main" id="{F194E1D2-CF7D-A0F9-1077-807972496D26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060050" y="4968367"/>
            <a:ext cx="0" cy="4372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2f563d90a8b48f7b63415ec432e8b92_LeftVerticalConnector4">
            <a:extLst>
              <a:ext uri="{FF2B5EF4-FFF2-40B4-BE49-F238E27FC236}">
                <a16:creationId xmlns:a16="http://schemas.microsoft.com/office/drawing/2014/main" id="{B2DA6AAB-8F89-91F1-F4AF-54E6B20E7EED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7126585" y="5584698"/>
            <a:ext cx="0" cy="35970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2f563d90a8b48f7b63415ec432e8b92_RightVerticalConnector3" hidden="1">
            <a:extLst>
              <a:ext uri="{FF2B5EF4-FFF2-40B4-BE49-F238E27FC236}">
                <a16:creationId xmlns:a16="http://schemas.microsoft.com/office/drawing/2014/main" id="{FB7A3EE6-BBB6-B49D-327A-6525975E4C58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658454" y="5405586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ec32e750d7e14fa6b8cf469226794158_LeftVerticalConnector4">
            <a:extLst>
              <a:ext uri="{FF2B5EF4-FFF2-40B4-BE49-F238E27FC236}">
                <a16:creationId xmlns:a16="http://schemas.microsoft.com/office/drawing/2014/main" id="{5944B06B-84C9-F398-20D2-E986A2194046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658500" y="5842804"/>
            <a:ext cx="0" cy="5388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7" name="OTLSHAPE_TB_00000000000000000000000000000000_ScaleContainer">
            <a:extLst>
              <a:ext uri="{FF2B5EF4-FFF2-40B4-BE49-F238E27FC236}">
                <a16:creationId xmlns:a16="http://schemas.microsoft.com/office/drawing/2014/main" id="{3E69E6CD-C0D1-B02B-B4A7-88E97633A97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44465" y="17145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18" name="OTLSHAPE_TB_00000000000000000000000000000000_ElapsedTime">
            <a:extLst>
              <a:ext uri="{FF2B5EF4-FFF2-40B4-BE49-F238E27FC236}">
                <a16:creationId xmlns:a16="http://schemas.microsoft.com/office/drawing/2014/main" id="{688A4C38-640D-AFF9-670E-D16E2AAAEA9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44465" y="1714500"/>
            <a:ext cx="87884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B252172-74D0-00E3-209A-1A21F80B9F4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566086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BE4FEF82-54F4-6F48-E239-2E2AF50335D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40386" y="2222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39951A7-857B-73D2-B6C2-25E0280D080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73065" y="18119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706DC9F-5D34-8A0D-D007-DFE18251325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134235" y="18119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E021E3A-1383-EFB5-4FE0-719F4567909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128916" y="18119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7FFC56E-66C2-2A69-4C34-95B4B21F855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190085" y="18119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" name="OTLSHAPE_TB_00000000000000000000000000000000_TimescaleInterval5">
            <a:extLst>
              <a:ext uri="{FF2B5EF4-FFF2-40B4-BE49-F238E27FC236}">
                <a16:creationId xmlns:a16="http://schemas.microsoft.com/office/drawing/2014/main" id="{1FB3D0FB-B94C-95AD-B31E-C2E346C508B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184766" y="18119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719" name="OTLSHAPE_TB_00000000000000000000000000000000_Separator1">
            <a:extLst>
              <a:ext uri="{FF2B5EF4-FFF2-40B4-BE49-F238E27FC236}">
                <a16:creationId xmlns:a16="http://schemas.microsoft.com/office/drawing/2014/main" id="{857BE663-AD6B-9FF0-478D-29BDA22CF618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3070734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" name="OTLSHAPE_TB_00000000000000000000000000000000_Separator2">
            <a:extLst>
              <a:ext uri="{FF2B5EF4-FFF2-40B4-BE49-F238E27FC236}">
                <a16:creationId xmlns:a16="http://schemas.microsoft.com/office/drawing/2014/main" id="{FB8BA5DB-13A9-0471-07A2-79CB1898C9F6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5065415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" name="OTLSHAPE_TB_00000000000000000000000000000000_Separator3">
            <a:extLst>
              <a:ext uri="{FF2B5EF4-FFF2-40B4-BE49-F238E27FC236}">
                <a16:creationId xmlns:a16="http://schemas.microsoft.com/office/drawing/2014/main" id="{CB9003BD-3849-61EB-2D23-FE6B92B86EFF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7126584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B_00000000000000000000000000000000_Separator4">
            <a:extLst>
              <a:ext uri="{FF2B5EF4-FFF2-40B4-BE49-F238E27FC236}">
                <a16:creationId xmlns:a16="http://schemas.microsoft.com/office/drawing/2014/main" id="{145D4D55-D61C-37CB-49C0-EA03DB1FC6F0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9121265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7" name="OTLSHAPE_T_5eaad65400304fe4bd1abb2679cbeff7_Shape">
            <a:extLst>
              <a:ext uri="{FF2B5EF4-FFF2-40B4-BE49-F238E27FC236}">
                <a16:creationId xmlns:a16="http://schemas.microsoft.com/office/drawing/2014/main" id="{E32B0A88-597F-D759-AC7F-03E9115C1F5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605263" y="2782274"/>
            <a:ext cx="406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69" name="OTLSHAPE_T_60e31057875742aea186e9568d4a494b_Shape">
            <a:extLst>
              <a:ext uri="{FF2B5EF4-FFF2-40B4-BE49-F238E27FC236}">
                <a16:creationId xmlns:a16="http://schemas.microsoft.com/office/drawing/2014/main" id="{AE48316E-76C5-D847-0D1F-ED74D6A10251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937756" y="3219492"/>
            <a:ext cx="469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1" name="OTLSHAPE_T_852735e75d9d493e8788bfedd541e741_Shape">
            <a:extLst>
              <a:ext uri="{FF2B5EF4-FFF2-40B4-BE49-F238E27FC236}">
                <a16:creationId xmlns:a16="http://schemas.microsoft.com/office/drawing/2014/main" id="{5849E392-523B-861B-9176-31CB9C4315E0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403182" y="3656711"/>
            <a:ext cx="609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3" name="OTLSHAPE_T_8e556444316f4823a8f4f6250fc98c5e_Shape">
            <a:extLst>
              <a:ext uri="{FF2B5EF4-FFF2-40B4-BE49-F238E27FC236}">
                <a16:creationId xmlns:a16="http://schemas.microsoft.com/office/drawing/2014/main" id="{F54E27B0-E49F-08A9-A059-17E1F9785627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001586" y="4093930"/>
            <a:ext cx="266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5" name="OTLSHAPE_T_14f19085008b4a2fb769054df4c28a4e_Shape">
            <a:extLst>
              <a:ext uri="{FF2B5EF4-FFF2-40B4-BE49-F238E27FC236}">
                <a16:creationId xmlns:a16="http://schemas.microsoft.com/office/drawing/2014/main" id="{8B0B2E09-F5BD-2FE4-D18B-379B1FEB484B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267543" y="4531148"/>
            <a:ext cx="800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7" name="OTLSHAPE_T_f6fdc4751ef14a519bd0c88d0a8e4406_Shape">
            <a:extLst>
              <a:ext uri="{FF2B5EF4-FFF2-40B4-BE49-F238E27FC236}">
                <a16:creationId xmlns:a16="http://schemas.microsoft.com/office/drawing/2014/main" id="{F66D2C6A-A54C-7B0F-CA6C-1AEC5DA15CA1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065416" y="4968367"/>
            <a:ext cx="1473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9" name="OTLSHAPE_T_a29b6bcc827e4a23928a4c4170a9df7c_Shape">
            <a:extLst>
              <a:ext uri="{FF2B5EF4-FFF2-40B4-BE49-F238E27FC236}">
                <a16:creationId xmlns:a16="http://schemas.microsoft.com/office/drawing/2014/main" id="{E70D60F0-56E6-E5D1-EDBC-6013D1B498B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6528181" y="5405586"/>
            <a:ext cx="533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1" name="OTLSHAPE_T_62f563d90a8b48f7b63415ec432e8b92_Shape">
            <a:extLst>
              <a:ext uri="{FF2B5EF4-FFF2-40B4-BE49-F238E27FC236}">
                <a16:creationId xmlns:a16="http://schemas.microsoft.com/office/drawing/2014/main" id="{ECCA9EEA-6B35-7CDD-1126-BE99091D208F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7126585" y="5842804"/>
            <a:ext cx="533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3" name="OTLSHAPE_T_ec32e750d7e14fa6b8cf469226794158_Shape">
            <a:extLst>
              <a:ext uri="{FF2B5EF4-FFF2-40B4-BE49-F238E27FC236}">
                <a16:creationId xmlns:a16="http://schemas.microsoft.com/office/drawing/2014/main" id="{8AF2FD24-92AA-3639-5E08-812F3B51313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7658500" y="6280023"/>
            <a:ext cx="533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68" name="OTLSHAPE_T_5eaad65400304fe4bd1abb2679cbeff7_ShapePercentage" hidden="1">
            <a:extLst>
              <a:ext uri="{FF2B5EF4-FFF2-40B4-BE49-F238E27FC236}">
                <a16:creationId xmlns:a16="http://schemas.microsoft.com/office/drawing/2014/main" id="{0B985E9D-5193-7C2C-E6C3-C851B76E39A5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605263" y="278227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0" name="OTLSHAPE_T_60e31057875742aea186e9568d4a494b_ShapePercentage" hidden="1">
            <a:extLst>
              <a:ext uri="{FF2B5EF4-FFF2-40B4-BE49-F238E27FC236}">
                <a16:creationId xmlns:a16="http://schemas.microsoft.com/office/drawing/2014/main" id="{8CB7694D-3A0F-C875-8353-E81013966283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937756" y="3219492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2" name="OTLSHAPE_T_852735e75d9d493e8788bfedd541e741_ShapePercentage" hidden="1">
            <a:extLst>
              <a:ext uri="{FF2B5EF4-FFF2-40B4-BE49-F238E27FC236}">
                <a16:creationId xmlns:a16="http://schemas.microsoft.com/office/drawing/2014/main" id="{987153BB-4958-357C-3EB9-41344B887FC5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403182" y="3656711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4" name="OTLSHAPE_T_8e556444316f4823a8f4f6250fc98c5e_ShapePercentage" hidden="1">
            <a:extLst>
              <a:ext uri="{FF2B5EF4-FFF2-40B4-BE49-F238E27FC236}">
                <a16:creationId xmlns:a16="http://schemas.microsoft.com/office/drawing/2014/main" id="{26FA060E-9E71-6B84-3A55-77D77D80E14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001586" y="409393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6" name="OTLSHAPE_T_14f19085008b4a2fb769054df4c28a4e_ShapePercentage" hidden="1">
            <a:extLst>
              <a:ext uri="{FF2B5EF4-FFF2-40B4-BE49-F238E27FC236}">
                <a16:creationId xmlns:a16="http://schemas.microsoft.com/office/drawing/2014/main" id="{E0277B2A-B9CC-81C9-BE1B-B907A275360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267543" y="453114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78" name="OTLSHAPE_T_f6fdc4751ef14a519bd0c88d0a8e4406_ShapePercentage" hidden="1">
            <a:extLst>
              <a:ext uri="{FF2B5EF4-FFF2-40B4-BE49-F238E27FC236}">
                <a16:creationId xmlns:a16="http://schemas.microsoft.com/office/drawing/2014/main" id="{2E37F03A-7266-5B8D-0E06-A9D5060F6063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065416" y="496836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0" name="OTLSHAPE_T_a29b6bcc827e4a23928a4c4170a9df7c_ShapePercentage" hidden="1">
            <a:extLst>
              <a:ext uri="{FF2B5EF4-FFF2-40B4-BE49-F238E27FC236}">
                <a16:creationId xmlns:a16="http://schemas.microsoft.com/office/drawing/2014/main" id="{6AD67883-5C6E-B801-D8F2-5F39AAEF7409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6528181" y="5405586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2" name="OTLSHAPE_T_62f563d90a8b48f7b63415ec432e8b92_ShapePercentage" hidden="1">
            <a:extLst>
              <a:ext uri="{FF2B5EF4-FFF2-40B4-BE49-F238E27FC236}">
                <a16:creationId xmlns:a16="http://schemas.microsoft.com/office/drawing/2014/main" id="{8DC82B07-DF9B-E39C-B61E-E4F3F2873E63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7126585" y="584280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4" name="OTLSHAPE_T_ec32e750d7e14fa6b8cf469226794158_ShapePercentage" hidden="1">
            <a:extLst>
              <a:ext uri="{FF2B5EF4-FFF2-40B4-BE49-F238E27FC236}">
                <a16:creationId xmlns:a16="http://schemas.microsoft.com/office/drawing/2014/main" id="{F7D3D02E-8BCB-9CC2-96D1-BF1D9AA287AD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658500" y="628002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" name="OTLSHAPE_T_5eaad65400304fe4bd1abb2679cbeff7_Duration" hidden="1">
            <a:extLst>
              <a:ext uri="{FF2B5EF4-FFF2-40B4-BE49-F238E27FC236}">
                <a16:creationId xmlns:a16="http://schemas.microsoft.com/office/drawing/2014/main" id="{CE5008DA-9153-FB78-B83D-9D96194B4BD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9" name="OTLSHAPE_T_5eaad65400304fe4bd1abb2679cbeff7_TextPercentage" hidden="1">
            <a:extLst>
              <a:ext uri="{FF2B5EF4-FFF2-40B4-BE49-F238E27FC236}">
                <a16:creationId xmlns:a16="http://schemas.microsoft.com/office/drawing/2014/main" id="{7609A1FC-A206-8E0D-08CC-3F97CC44CCD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5eaad65400304fe4bd1abb2679cbeff7_StartDate">
            <a:extLst>
              <a:ext uri="{FF2B5EF4-FFF2-40B4-BE49-F238E27FC236}">
                <a16:creationId xmlns:a16="http://schemas.microsoft.com/office/drawing/2014/main" id="{5D575AE3-051A-662B-EACA-8D9A5FDB19E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183285" y="280636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Mar 24</a:t>
            </a:r>
          </a:p>
        </p:txBody>
      </p:sp>
      <p:sp>
        <p:nvSpPr>
          <p:cNvPr id="31" name="OTLSHAPE_T_5eaad65400304fe4bd1abb2679cbeff7_EndDate">
            <a:extLst>
              <a:ext uri="{FF2B5EF4-FFF2-40B4-BE49-F238E27FC236}">
                <a16:creationId xmlns:a16="http://schemas.microsoft.com/office/drawing/2014/main" id="{D6CA3463-6D41-4F5C-9373-66801389512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055000" y="280636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32" name="OTLSHAPE_T_5eaad65400304fe4bd1abb2679cbeff7_JoinedDate" hidden="1">
            <a:extLst>
              <a:ext uri="{FF2B5EF4-FFF2-40B4-BE49-F238E27FC236}">
                <a16:creationId xmlns:a16="http://schemas.microsoft.com/office/drawing/2014/main" id="{1EE118FA-D5DF-4326-C98F-4A2C249E5F7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021160" y="-4349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5eaad65400304fe4bd1abb2679cbeff7_Title">
            <a:extLst>
              <a:ext uri="{FF2B5EF4-FFF2-40B4-BE49-F238E27FC236}">
                <a16:creationId xmlns:a16="http://schemas.microsoft.com/office/drawing/2014/main" id="{D120E600-3953-C0BE-4A1B-6E894061564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605263" y="2611755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reaming Real-Time Tweets using Tweepy</a:t>
            </a:r>
            <a:endParaRPr lang="en-IN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60e31057875742aea186e9568d4a494b_Duration" hidden="1">
            <a:extLst>
              <a:ext uri="{FF2B5EF4-FFF2-40B4-BE49-F238E27FC236}">
                <a16:creationId xmlns:a16="http://schemas.microsoft.com/office/drawing/2014/main" id="{83566D8E-C039-66BA-82B3-28811E04644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76197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T_60e31057875742aea186e9568d4a494b_TextPercentage" hidden="1">
            <a:extLst>
              <a:ext uri="{FF2B5EF4-FFF2-40B4-BE49-F238E27FC236}">
                <a16:creationId xmlns:a16="http://schemas.microsoft.com/office/drawing/2014/main" id="{B5766BD5-CEE6-B9C0-002A-E79686C8A21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0e31057875742aea186e9568d4a494b_StartDate">
            <a:extLst>
              <a:ext uri="{FF2B5EF4-FFF2-40B4-BE49-F238E27FC236}">
                <a16:creationId xmlns:a16="http://schemas.microsoft.com/office/drawing/2014/main" id="{791D85C2-FDCE-32CC-A425-7A30D2965BA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515778" y="32435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39" name="OTLSHAPE_T_60e31057875742aea186e9568d4a494b_EndDate">
            <a:extLst>
              <a:ext uri="{FF2B5EF4-FFF2-40B4-BE49-F238E27FC236}">
                <a16:creationId xmlns:a16="http://schemas.microsoft.com/office/drawing/2014/main" id="{AF3B7616-2B55-E8D1-81A0-B9B3362EFB5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453936" y="32435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5</a:t>
            </a:r>
          </a:p>
        </p:txBody>
      </p:sp>
      <p:sp>
        <p:nvSpPr>
          <p:cNvPr id="40" name="OTLSHAPE_T_60e31057875742aea186e9568d4a494b_JoinedDate" hidden="1">
            <a:extLst>
              <a:ext uri="{FF2B5EF4-FFF2-40B4-BE49-F238E27FC236}">
                <a16:creationId xmlns:a16="http://schemas.microsoft.com/office/drawing/2014/main" id="{E41F9550-3AA7-81C0-8866-CB0C9C912C0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545273" y="-2263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60e31057875742aea186e9568d4a494b_Title">
            <a:extLst>
              <a:ext uri="{FF2B5EF4-FFF2-40B4-BE49-F238E27FC236}">
                <a16:creationId xmlns:a16="http://schemas.microsoft.com/office/drawing/2014/main" id="{34142ADE-9587-200B-60DE-DE801D4A654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937756" y="3048974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-Processing Tweets</a:t>
            </a:r>
            <a:endParaRPr lang="en-IN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852735e75d9d493e8788bfedd541e741_Duration" hidden="1">
            <a:extLst>
              <a:ext uri="{FF2B5EF4-FFF2-40B4-BE49-F238E27FC236}">
                <a16:creationId xmlns:a16="http://schemas.microsoft.com/office/drawing/2014/main" id="{6AF693B8-26DC-DEA3-6226-0AEDDCDB78F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5" name="OTLSHAPE_T_852735e75d9d493e8788bfedd541e741_TextPercentage" hidden="1">
            <a:extLst>
              <a:ext uri="{FF2B5EF4-FFF2-40B4-BE49-F238E27FC236}">
                <a16:creationId xmlns:a16="http://schemas.microsoft.com/office/drawing/2014/main" id="{735F6A25-3A7E-68B2-74CB-EF7542F7DD0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852735e75d9d493e8788bfedd541e741_StartDate">
            <a:extLst>
              <a:ext uri="{FF2B5EF4-FFF2-40B4-BE49-F238E27FC236}">
                <a16:creationId xmlns:a16="http://schemas.microsoft.com/office/drawing/2014/main" id="{AE77F814-9D84-4AEB-DD33-2457325F1BE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074802" y="368079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47" name="OTLSHAPE_T_852735e75d9d493e8788bfedd541e741_EndDate">
            <a:extLst>
              <a:ext uri="{FF2B5EF4-FFF2-40B4-BE49-F238E27FC236}">
                <a16:creationId xmlns:a16="http://schemas.microsoft.com/office/drawing/2014/main" id="{34A2259F-7C85-69E0-63AF-06427C8D290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052340" y="36807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14</a:t>
            </a:r>
          </a:p>
        </p:txBody>
      </p:sp>
      <p:sp>
        <p:nvSpPr>
          <p:cNvPr id="48" name="OTLSHAPE_T_852735e75d9d493e8788bfedd541e741_JoinedDate" hidden="1">
            <a:extLst>
              <a:ext uri="{FF2B5EF4-FFF2-40B4-BE49-F238E27FC236}">
                <a16:creationId xmlns:a16="http://schemas.microsoft.com/office/drawing/2014/main" id="{9E2C454C-2AD7-430C-AF4A-4566299CD0A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177118" y="-17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852735e75d9d493e8788bfedd541e741_Title">
            <a:extLst>
              <a:ext uri="{FF2B5EF4-FFF2-40B4-BE49-F238E27FC236}">
                <a16:creationId xmlns:a16="http://schemas.microsoft.com/office/drawing/2014/main" id="{09020E46-AC2E-AFAF-181E-542CD09A8BB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403182" y="3486192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52" name="OTLSHAPE_T_8e556444316f4823a8f4f6250fc98c5e_Duration" hidden="1">
            <a:extLst>
              <a:ext uri="{FF2B5EF4-FFF2-40B4-BE49-F238E27FC236}">
                <a16:creationId xmlns:a16="http://schemas.microsoft.com/office/drawing/2014/main" id="{22D749A9-3777-EA4D-57C1-09A35E8CFC9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3" name="OTLSHAPE_T_8e556444316f4823a8f4f6250fc98c5e_TextPercentage" hidden="1">
            <a:extLst>
              <a:ext uri="{FF2B5EF4-FFF2-40B4-BE49-F238E27FC236}">
                <a16:creationId xmlns:a16="http://schemas.microsoft.com/office/drawing/2014/main" id="{E7FD8608-3A77-10DC-44E5-F6202A5B2FC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8e556444316f4823a8f4f6250fc98c5e_StartDate">
            <a:extLst>
              <a:ext uri="{FF2B5EF4-FFF2-40B4-BE49-F238E27FC236}">
                <a16:creationId xmlns:a16="http://schemas.microsoft.com/office/drawing/2014/main" id="{A42E5044-E9DB-AA3F-8BFB-2061570C57B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08817" y="41180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55" name="OTLSHAPE_T_8e556444316f4823a8f4f6250fc98c5e_EndDate">
            <a:extLst>
              <a:ext uri="{FF2B5EF4-FFF2-40B4-BE49-F238E27FC236}">
                <a16:creationId xmlns:a16="http://schemas.microsoft.com/office/drawing/2014/main" id="{05BF3295-7CE5-7ABF-8507-62EC4D03B2B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318297" y="41180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18</a:t>
            </a:r>
          </a:p>
        </p:txBody>
      </p:sp>
      <p:sp>
        <p:nvSpPr>
          <p:cNvPr id="56" name="OTLSHAPE_T_8e556444316f4823a8f4f6250fc98c5e_JoinedDate" hidden="1">
            <a:extLst>
              <a:ext uri="{FF2B5EF4-FFF2-40B4-BE49-F238E27FC236}">
                <a16:creationId xmlns:a16="http://schemas.microsoft.com/office/drawing/2014/main" id="{F5206A12-7C33-1697-1C5C-95BB41A95A2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887545" y="1908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e556444316f4823a8f4f6250fc98c5e_Title">
            <a:extLst>
              <a:ext uri="{FF2B5EF4-FFF2-40B4-BE49-F238E27FC236}">
                <a16:creationId xmlns:a16="http://schemas.microsoft.com/office/drawing/2014/main" id="{145E03A6-5A0B-ADC2-3331-586788961EF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001586" y="3923411"/>
            <a:ext cx="260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ntiment Analysis using Vader and TextBlob</a:t>
            </a:r>
            <a:endParaRPr lang="en-IN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14f19085008b4a2fb769054df4c28a4e_Duration" hidden="1">
            <a:extLst>
              <a:ext uri="{FF2B5EF4-FFF2-40B4-BE49-F238E27FC236}">
                <a16:creationId xmlns:a16="http://schemas.microsoft.com/office/drawing/2014/main" id="{70A6B533-F6FC-DDAD-E022-FD21A6DC771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1" name="OTLSHAPE_T_14f19085008b4a2fb769054df4c28a4e_TextPercentage" hidden="1">
            <a:extLst>
              <a:ext uri="{FF2B5EF4-FFF2-40B4-BE49-F238E27FC236}">
                <a16:creationId xmlns:a16="http://schemas.microsoft.com/office/drawing/2014/main" id="{21D53095-B1FA-5B63-EEB3-8222E31B3DA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14f19085008b4a2fb769054df4c28a4e_StartDate">
            <a:extLst>
              <a:ext uri="{FF2B5EF4-FFF2-40B4-BE49-F238E27FC236}">
                <a16:creationId xmlns:a16="http://schemas.microsoft.com/office/drawing/2014/main" id="{FF90417F-5962-CB0B-18F2-6DFCE6B6D28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874775" y="45552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</a:p>
        </p:txBody>
      </p:sp>
      <p:sp>
        <p:nvSpPr>
          <p:cNvPr id="63" name="OTLSHAPE_T_14f19085008b4a2fb769054df4c28a4e_EndDate">
            <a:extLst>
              <a:ext uri="{FF2B5EF4-FFF2-40B4-BE49-F238E27FC236}">
                <a16:creationId xmlns:a16="http://schemas.microsoft.com/office/drawing/2014/main" id="{6681D8F8-4FD3-D6CB-627A-D140CA3D206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116169" y="45552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64" name="OTLSHAPE_T_14f19085008b4a2fb769054df4c28a4e_JoinedDate" hidden="1">
            <a:extLst>
              <a:ext uri="{FF2B5EF4-FFF2-40B4-BE49-F238E27FC236}">
                <a16:creationId xmlns:a16="http://schemas.microsoft.com/office/drawing/2014/main" id="{B8A22353-96FC-83E9-37F5-B112172F27E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231908" y="3995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14f19085008b4a2fb769054df4c28a4e_Title">
            <a:extLst>
              <a:ext uri="{FF2B5EF4-FFF2-40B4-BE49-F238E27FC236}">
                <a16:creationId xmlns:a16="http://schemas.microsoft.com/office/drawing/2014/main" id="{CA47E9CB-E88C-3C53-2DCB-7E141EB8904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267543" y="4360630"/>
            <a:ext cx="378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motion Analysis using Text2Emotion and  using Pre-Built Models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f6fdc4751ef14a519bd0c88d0a8e4406_Duration" hidden="1">
            <a:extLst>
              <a:ext uri="{FF2B5EF4-FFF2-40B4-BE49-F238E27FC236}">
                <a16:creationId xmlns:a16="http://schemas.microsoft.com/office/drawing/2014/main" id="{DF35A3F9-C4D2-1A66-A400-744DAF88B0C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453142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69" name="OTLSHAPE_T_f6fdc4751ef14a519bd0c88d0a8e4406_TextPercentage" hidden="1">
            <a:extLst>
              <a:ext uri="{FF2B5EF4-FFF2-40B4-BE49-F238E27FC236}">
                <a16:creationId xmlns:a16="http://schemas.microsoft.com/office/drawing/2014/main" id="{349F6CB5-24F0-4998-DEBD-CE22EEEAB12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f6fdc4751ef14a519bd0c88d0a8e4406_StartDate">
            <a:extLst>
              <a:ext uri="{FF2B5EF4-FFF2-40B4-BE49-F238E27FC236}">
                <a16:creationId xmlns:a16="http://schemas.microsoft.com/office/drawing/2014/main" id="{D42CD54D-2E2E-8958-7BA3-92BC43B08CD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4696988" y="4992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71" name="OTLSHAPE_T_f6fdc4751ef14a519bd0c88d0a8e4406_EndDate">
            <a:extLst>
              <a:ext uri="{FF2B5EF4-FFF2-40B4-BE49-F238E27FC236}">
                <a16:creationId xmlns:a16="http://schemas.microsoft.com/office/drawing/2014/main" id="{F8F0F2F4-5EC0-A198-775D-E2F8F6C0DFD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578935" y="4992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2"/>
                </a:solidFill>
                <a:latin typeface="Calibri" panose="020F0502020204030204" pitchFamily="34" charset="0"/>
              </a:rPr>
              <a:t>May 22</a:t>
            </a:r>
          </a:p>
        </p:txBody>
      </p:sp>
      <p:sp>
        <p:nvSpPr>
          <p:cNvPr id="72" name="OTLSHAPE_T_f6fdc4751ef14a519bd0c88d0a8e4406_JoinedDate" hidden="1">
            <a:extLst>
              <a:ext uri="{FF2B5EF4-FFF2-40B4-BE49-F238E27FC236}">
                <a16:creationId xmlns:a16="http://schemas.microsoft.com/office/drawing/2014/main" id="{1AC6E62A-C3DA-D780-A9B7-63056AAFF69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249292" y="6081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f6fdc4751ef14a519bd0c88d0a8e4406_Title">
            <a:extLst>
              <a:ext uri="{FF2B5EF4-FFF2-40B4-BE49-F238E27FC236}">
                <a16:creationId xmlns:a16="http://schemas.microsoft.com/office/drawing/2014/main" id="{435D3B4F-A8D9-6149-2560-11BCA60E3D2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065416" y="4797848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Reseach on Deep Learning and RNN</a:t>
            </a:r>
            <a:endParaRPr lang="en-IN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a29b6bcc827e4a23928a4c4170a9df7c_Duration" hidden="1">
            <a:extLst>
              <a:ext uri="{FF2B5EF4-FFF2-40B4-BE49-F238E27FC236}">
                <a16:creationId xmlns:a16="http://schemas.microsoft.com/office/drawing/2014/main" id="{B00F4D54-901D-5A32-0A56-6092289F84A1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77" name="OTLSHAPE_T_a29b6bcc827e4a23928a4c4170a9df7c_TextPercentage" hidden="1">
            <a:extLst>
              <a:ext uri="{FF2B5EF4-FFF2-40B4-BE49-F238E27FC236}">
                <a16:creationId xmlns:a16="http://schemas.microsoft.com/office/drawing/2014/main" id="{B7D55809-735D-EEFE-779A-04833A496AD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a29b6bcc827e4a23928a4c4170a9df7c_StartDate">
            <a:extLst>
              <a:ext uri="{FF2B5EF4-FFF2-40B4-BE49-F238E27FC236}">
                <a16:creationId xmlns:a16="http://schemas.microsoft.com/office/drawing/2014/main" id="{EB88E642-E62A-9EA7-22BB-CD2A172EE1C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095365" y="54296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79" name="OTLSHAPE_T_a29b6bcc827e4a23928a4c4170a9df7c_EndDate">
            <a:extLst>
              <a:ext uri="{FF2B5EF4-FFF2-40B4-BE49-F238E27FC236}">
                <a16:creationId xmlns:a16="http://schemas.microsoft.com/office/drawing/2014/main" id="{933F85C5-1CD6-27D7-71B3-D1740DE7172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110850" y="54296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80" name="OTLSHAPE_T_a29b6bcc827e4a23928a4c4170a9df7c_JoinedDate" hidden="1">
            <a:extLst>
              <a:ext uri="{FF2B5EF4-FFF2-40B4-BE49-F238E27FC236}">
                <a16:creationId xmlns:a16="http://schemas.microsoft.com/office/drawing/2014/main" id="{D1944665-EE11-6AC9-4CD1-709C334693E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078899" y="8167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a29b6bcc827e4a23928a4c4170a9df7c_Title">
            <a:extLst>
              <a:ext uri="{FF2B5EF4-FFF2-40B4-BE49-F238E27FC236}">
                <a16:creationId xmlns:a16="http://schemas.microsoft.com/office/drawing/2014/main" id="{ECA0C3E6-D7D7-DDC6-F045-ACC4731876C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528181" y="5235067"/>
            <a:ext cx="262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 Designing Bi-LSTM Model to Predict Emotion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62f563d90a8b48f7b63415ec432e8b92_Duration" hidden="1">
            <a:extLst>
              <a:ext uri="{FF2B5EF4-FFF2-40B4-BE49-F238E27FC236}">
                <a16:creationId xmlns:a16="http://schemas.microsoft.com/office/drawing/2014/main" id="{FBCB5E88-3B19-02A7-348A-A53B6D52CE7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85" name="OTLSHAPE_T_62f563d90a8b48f7b63415ec432e8b92_TextPercentage" hidden="1">
            <a:extLst>
              <a:ext uri="{FF2B5EF4-FFF2-40B4-BE49-F238E27FC236}">
                <a16:creationId xmlns:a16="http://schemas.microsoft.com/office/drawing/2014/main" id="{A24BF6A1-6C92-6DC2-D742-CEDA39B4D58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62f563d90a8b48f7b63415ec432e8b92_StartDate">
            <a:extLst>
              <a:ext uri="{FF2B5EF4-FFF2-40B4-BE49-F238E27FC236}">
                <a16:creationId xmlns:a16="http://schemas.microsoft.com/office/drawing/2014/main" id="{C765D91A-4312-B200-1664-D961764CC07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808746" y="586689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87" name="OTLSHAPE_T_62f563d90a8b48f7b63415ec432e8b92_EndDate">
            <a:extLst>
              <a:ext uri="{FF2B5EF4-FFF2-40B4-BE49-F238E27FC236}">
                <a16:creationId xmlns:a16="http://schemas.microsoft.com/office/drawing/2014/main" id="{C9771D90-6D10-726A-7BE1-FAEEEEE81FC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709254" y="586689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un 8</a:t>
            </a:r>
          </a:p>
        </p:txBody>
      </p:sp>
      <p:sp>
        <p:nvSpPr>
          <p:cNvPr id="88" name="OTLSHAPE_T_62f563d90a8b48f7b63415ec432e8b92_JoinedDate" hidden="1">
            <a:extLst>
              <a:ext uri="{FF2B5EF4-FFF2-40B4-BE49-F238E27FC236}">
                <a16:creationId xmlns:a16="http://schemas.microsoft.com/office/drawing/2014/main" id="{CC6A9261-62DF-6A9D-5AE7-9C8BA0F30F9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8083670" y="1110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62f563d90a8b48f7b63415ec432e8b92_Title">
            <a:extLst>
              <a:ext uri="{FF2B5EF4-FFF2-40B4-BE49-F238E27FC236}">
                <a16:creationId xmlns:a16="http://schemas.microsoft.com/office/drawing/2014/main" id="{87A5DAA4-22A5-E2B9-4AF3-9A16CD67147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126585" y="5672286"/>
            <a:ext cx="298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paring Histograms and other Data Visualizations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c32e750d7e14fa6b8cf469226794158_Duration" hidden="1">
            <a:extLst>
              <a:ext uri="{FF2B5EF4-FFF2-40B4-BE49-F238E27FC236}">
                <a16:creationId xmlns:a16="http://schemas.microsoft.com/office/drawing/2014/main" id="{86026C8D-6750-BAB4-6E89-01D47226E3C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2230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3" name="OTLSHAPE_T_ec32e750d7e14fa6b8cf469226794158_TextPercentage" hidden="1">
            <a:extLst>
              <a:ext uri="{FF2B5EF4-FFF2-40B4-BE49-F238E27FC236}">
                <a16:creationId xmlns:a16="http://schemas.microsoft.com/office/drawing/2014/main" id="{0F40D6E4-97B0-9788-F4F5-1363F510C35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ec32e750d7e14fa6b8cf469226794158_StartDate">
            <a:extLst>
              <a:ext uri="{FF2B5EF4-FFF2-40B4-BE49-F238E27FC236}">
                <a16:creationId xmlns:a16="http://schemas.microsoft.com/office/drawing/2014/main" id="{58BB0AFC-ADD1-1DDF-AB6A-53A0F38FE7F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340661" y="630411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un 9</a:t>
            </a:r>
          </a:p>
        </p:txBody>
      </p:sp>
      <p:sp>
        <p:nvSpPr>
          <p:cNvPr id="95" name="OTLSHAPE_T_ec32e750d7e14fa6b8cf469226794158_EndDate">
            <a:extLst>
              <a:ext uri="{FF2B5EF4-FFF2-40B4-BE49-F238E27FC236}">
                <a16:creationId xmlns:a16="http://schemas.microsoft.com/office/drawing/2014/main" id="{124F4724-8AB9-42FF-2095-C09F8DE13CC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241168" y="630411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96" name="OTLSHAPE_T_ec32e750d7e14fa6b8cf469226794158_JoinedDate" hidden="1">
            <a:extLst>
              <a:ext uri="{FF2B5EF4-FFF2-40B4-BE49-F238E27FC236}">
                <a16:creationId xmlns:a16="http://schemas.microsoft.com/office/drawing/2014/main" id="{7D628587-9B54-7EDD-D722-0B5D59437472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708007" y="140451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c32e750d7e14fa6b8cf469226794158_Title">
            <a:extLst>
              <a:ext uri="{FF2B5EF4-FFF2-40B4-BE49-F238E27FC236}">
                <a16:creationId xmlns:a16="http://schemas.microsoft.com/office/drawing/2014/main" id="{03D8C4E3-5EDE-B74C-510F-9F45BFC486E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658500" y="6109504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port Writing</a:t>
            </a:r>
          </a:p>
        </p:txBody>
      </p:sp>
      <p:sp>
        <p:nvSpPr>
          <p:cNvPr id="766" name="OTLSHAPE_M_cd5e7e4860ef4b61926217f129be690e_Shape">
            <a:extLst>
              <a:ext uri="{FF2B5EF4-FFF2-40B4-BE49-F238E27FC236}">
                <a16:creationId xmlns:a16="http://schemas.microsoft.com/office/drawing/2014/main" id="{70543751-4875-B889-37E6-B534F680A2A2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9605324" y="15240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3" name="OTLSHAPE_M_cd5e7e4860ef4b61926217f129be690e_Title">
            <a:extLst>
              <a:ext uri="{FF2B5EF4-FFF2-40B4-BE49-F238E27FC236}">
                <a16:creationId xmlns:a16="http://schemas.microsoft.com/office/drawing/2014/main" id="{A68CBD0B-4D7F-092B-84AC-CE0EE80AE46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9355324" y="11476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inal Review</a:t>
            </a:r>
          </a:p>
        </p:txBody>
      </p:sp>
      <p:sp>
        <p:nvSpPr>
          <p:cNvPr id="24" name="OTLSHAPE_M_cd5e7e4860ef4b61926217f129be690e_Date">
            <a:extLst>
              <a:ext uri="{FF2B5EF4-FFF2-40B4-BE49-F238E27FC236}">
                <a16:creationId xmlns:a16="http://schemas.microsoft.com/office/drawing/2014/main" id="{CA880F82-7938-EB87-18DB-2F86EA5C7E0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9604901" y="13435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l 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525238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SIsIk9yaWdpbmFsQXNzZW1ibHlWZXJzaW9uIjoiNi4wMC4wNy4wMCIsIkVkaXRpb24iOm51bGwsIkxhc3RTYXZlZEVkaXRpb24iOjAsIklzUGx1c0VkaXRpb24iOmZhbHNlLCJJc1Byb0VkaXRpb24iOmZhbHNlfSwiRWZmZWN0IjowLCJTdHlsZSI6eyIkaWQiOiIzIiwiVGltZWJhbmRTdHlsZSI6eyIkaWQiOiI0IiwiU2NhbGVNYXJraW5nIjowLCJTaGFwZSI6MCwiU2hhcGVTdHlsZSI6eyIkaWQiOiI1IiwiTWFyZ2luIjp7IiRpZCI6IjYiLCJUb3AiOjAuMCwiTGVmdCI6MTAuMCwiUmlnaHQiOjEwLjAsIkJvdHRvbSI6MC4wfSwiUGFkZGluZyI6eyIkaWQiOiI3IiwiVG9wIjo1LjAsIkxlZnQiOjEzLjAsIlJpZ2h0IjoxMy4wLCJCb3R0b20iOjUuMH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wLjAsIlJpZ2h0IjoxMC4wLCJCb3R0b20iOjAuMH0sIlBhZGRpbmciOnsiJGlkIjoiMTUiLCJUb3AiOjUuMCwiTGVmdCI6MTMuMCwiUmlnaHQiOjEzLjAsIkJvdHRvbSI6NS4wfSwiQmFja2dyb3VuZCI6eyIkaWQiOiIxNiIsIkNvbG9yIjp7IiRpZCI6IjE3IiwiQSI6MjU1LCJSIjo2OCwiRyI6ODQsIkIiOjEwNn19LCJJc1Zpc2libGUiOnRydW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1LjAsIkxlZnQiOjEzLjAsIlJpZ2h0IjoxMy4wLCJCb3R0b20iOjUuMH0sIkJhY2tncm91bmQiOnsiJGlkIjoiMjQiLCJDb2xvciI6eyIkaWQiOiIyNSIsIkEiOjI1NSwiUiI6NjgsIkciOjg0LCJCIjoxMDZ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nRydW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NS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1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4OSwiUiI6MCwiRyI6MCwiQiI6MH19LCJJc1Zpc2libGUiOmZhbHNlLCJXaWR0aCI6MC4wLCJIZWlnaHQiOjAuMCwiQm9yZGVyU3R5bGUiOm51bGwsIlBhcmVudFN0eWxlIjpudWxsfSwiQm90dG9tVGllclNjYWxlU3R5bGUiOnsiJGlkIjoiNzIiLCJTaGFwZSI6NSwiU2hvd1NlZ21lbnRTZXBhcmF0b3JzIjp0cnV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ODksIlIiOjAsIkciOjAsIkIiOjB9fSwiSXNWaXNpYmxlIjpmYWxzZSwiV2lkdGgiOjAuMCwiSGVpZ2h0IjowLjAsIkJvcmRlclN0eWxlIjpudWxsLCJQYXJlbnRTdHlsZSI6bnVsbH0sIkVsYXBzZWRUaW1lQmFja2dyb3VuZCI6eyIkaWQiOiI4MCIsIkNvbG9yIjp7IiRpZCI6IjgxIiwiQSI6MTkxLCJSIjoyNTUsIkciOjAsIkIiOjB9fSwiQXBwZW5kWWVhck9uWWVhckNoYW5nZSI6dHJ1ZSwiRWxhcHNlZFRpbWVGb3JtYXQiOjEsIlRvZGF5TWFya2VyUG9zaXRpb24iOjMsIlF1aWNrUG9zaXRpb24iOjAsIkFic29sdXRlUG9zaXRpb24iOjEzNS4w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OS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OCwiU2hhcGVUaGlja25lc3MiOjE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x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Ny0wOVQyMzo1OTowMFo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yMTEiLCJDb2xvciI6eyIkaWQiOiIyMTIiLCJBIjo4OSwiUiI6MCwiRyI6MCwiQiI6MH1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IxOCIsIkNvbG9yIjp7IiRyZWYiOiIyMTIifX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GlkIjoiMjIxIiwiJHR5cGUiOiJOTFJFLkNvbW1vbi5Eb20uU29saWRDb2xvckJydXNoLCBOTFJFLkNvbW1vbiIsIkNvbG9yIjp7IiRpZCI6IjIyMiIsIkEiOjI1NSwiUiI6MjA0LCJHIjoyMDQsIkIiOjIwNH19LCJMaW5lV2VpZ2h0IjoxLjAsIkxpbmVUeXBlIjowLCJQYXJlbnRTdHlsZSI6bnVsbH0sIlZlcnRpY2FsQ29ubmVjdG9yU3R5bGUiOnsiJGlkIjoiMjIzIiwiTGluZUNvbG9yIjp7IiRpZCI6IjIyNCIsIiR0eXBlIjoiTkxSRS5Db21tb24uRG9tLlNvbGlkQ29sb3JCcnVzaCwgTkxSRS5Db21tb24iLCJDb2xvciI6eyIkaWQiOiIyMjU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DkifSwiUGFkZGluZyI6eyIkcmVmIjoiMTUwIn0sIkJhY2tncm91bmQiOnsiJGlkIjoiMjM2IiwiQ29sb3IiOnsiJHJlZiI6IjIxMiJ9fSwiSXNWaXNpYmxlIjp0cnVlLCJXaWR0aCI6MC4wLCJIZWlnaHQiOjAuMCwiQm9yZGVyU3R5bGUiOnsiJGlkIjoiMjM3IiwiTGluZUNvbG9yIjpudWxsLCJMaW5lV2VpZ2h0IjowLjAsIkxpbmVUeXBlIjowLCJQYXJlbnRTdHlsZSI6bnVsbH0sIlBhcmVudFN0eWxlIjpudWxsfSwiRGF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yNTMiLCJDb2xvciI6eyIkaWQiOiIyNTQiLCJBIjo4OSwiUiI6MCwiRyI6MCwiQiI6MH19LCJJc1Zpc2libGUiOnRydWUsIldpZHRoIjowLjAsIkhlaWdodCI6MC4wLCJCb3JkZXJTdHlsZSI6eyIkaWQiOiIyNTUiLCJMaW5lQ29sb3IiOm51bGwsIkxpbmVXZWlnaHQiOjAuMCwiTGluZVR5cGUiOjAsIlBhcmVudFN0eWxlIjpudWxsfSwiUGFyZW50U3R5bGUiOm51bGx9LCJEdXJhdGlvbl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2OCIsIk1hcmdpbiI6eyIkcmVmIjoiMTM4In0sIlBhZGRpbmciOnsiJHJlZiI6IjEzOSJ9LCJCYWNrZ3JvdW5kIjp7IiRpZCI6IjI2OSIsIkNvbG9yIjp7IiRpZCI6IjI3MCIsIkEiOjI1NSwiUiI6MCwiRyI6MTE0LCJCIjoxODh9fSwiSXNWaXNpYmxlIjp0cnVlLCJXaWR0aCI6MC4wLCJIZWlnaHQiOjE2LjAsIkJvcmRlclN0eWxlIjp7IiRpZCI6IjI3MSIsIkxpbmVDb2xvciI6eyIkaWQiOiIyNzIiLCIkdHlwZSI6Ik5MUkUuQ29tbW9uLkRvbS5Tb2xpZENvbG9yQnJ1c2gsIE5MUkUuQ29tbW9uIiwiQ29sb3IiOnsiJGlkIjoiMjczIiwiQSI6MjU1LCJSIjoyNTUsIkciOjAsIkIiOjB9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GlkIjoiMjc3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yOTUiLCJDb2xvciI6eyIkaWQiOiIyOTYiLCJBIjo4OSwiUiI6MCwiRyI6MCwiQiI6MH1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MwMiIsIkNvbG9yIjp7IiRyZWYiOiIyOTYifX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GlkIjoiMzA1IiwiJHR5cGUiOiJOTFJFLkNvbW1vbi5Eb20uU29saWRDb2xvckJydXNoLCBOTFJFLkNvbW1vbiIsIkNvbG9yIjp7IiRpZCI6IjMwNiIsIkEiOjI1NSwiUiI6MjA0LCJHIjoyMDQsIkIiOjIwNH19LCJMaW5lV2VpZ2h0IjoxLjAsIkxpbmVUeXBlIjowLCJQYXJlbnRTdHlsZSI6bnVsbH0sIlZlcnRpY2FsQ29ubmVjdG9yU3R5bGUiOnsiJGlkIjoiMzA3IiwiTGluZUNvbG9yIjp7IiRpZCI6IjMwOCIsIiR0eXBlIjoiTkxSRS5Db21tb24uRG9tLlNvbGlkQ29sb3JCcnVzaCwgTkxSRS5Db21tb24iLCJDb2xvciI6eyIkaWQiOiIzMDk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xMCIsIk1hcmdpbiI6eyIkcmVmIjoiMTM4In0sIlBhZGRpbmciOnsiJHJlZiI6IjEzOSJ9LCJCYWNrZ3JvdW5kIjp7IiRpZCI6IjMxMSIsIkNvbG9yIjp7IiRpZCI6IjMxMiIsIkEiOjI1NSwiUiI6MCwiRyI6MTE0LCJCIjoxODh9fSwiSXNWaXNpYmxlIjp0cnVlLCJXaWR0aCI6MC4wLCJIZWlnaHQiOjE2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yIiwiTWFyZ2luIjp7IiRyZWYiOiIxMzgifSwiUGFkZGluZyI6eyIkcmVmIjoiMTM5In0sIkJhY2tncm91bmQiOnsiJGlkIjoiMzUzIiwiQ29sb3IiOnsiJGlkIjoiMzU0IiwiQSI6MjU1LCJSIjowLCJHIjoxMTQsIkIiOjE4OH19LCJJc1Zpc2libGUiOnRydWUsIldpZHRoIjowLjAsIkhlaWdodCI6MTYuMCwiQm9yZGVyU3R5bGUiOnsiJGlkIjoiMzU1IiwiTGluZUNvbG9yIjp7IiRpZCI6IjM1NiIsIiR0eXBlIjoiTkxSRS5Db21tb24uRG9tLlNvbGlkQ29sb3JCcnVzaCwgTkxSRS5Db21tb24iLCJDb2xvciI6eyIkaWQiOiIzNTciLCJBIjoyNTUsIlIiOjI1NSwiRyI6MCwiQiI6MH1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aWQiOiIzNjAiLCJDb2xvciI6eyIkaWQiOiIzNjE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E0OSJ9LCJQYWRkaW5nIjp7IiRyZWYiOiIxNTAifSwiQmFja2dyb3VuZCI6eyIkaWQiOiIzNjIiLCJDb2xvciI6eyIkcmVmIjoiMzM4In19LCJJc1Zpc2libGUiOnRydWUsIldpZHRoIjowLjAsIkhlaWdodCI6MC4wLCJCb3JkZXJTdHlsZSI6eyIkaWQiOiIzNjMiLCJMaW5lQ29sb3IiOm51bGwsIkxpbmVXZWlnaHQiOjAuMCwiTGluZVR5cGUiOjAsIlBhcmVudFN0eWxlIjpudWxsfSwiUGFyZW50U3R5bGUiOm51bGx9LCJEYXR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GlkIjoiMzc3IiwiQ29sb3IiOnsiJGlkIjoiMz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0MjEiLCJDb2xvciI6eyIkaWQiOiI0MjIiLCJBIjo4OSwiUiI6MCwiRyI6MCwiQiI6MH19LCJJc1Zpc2libGUiOnRydWUsIldpZHRoIjowLjAsIkhlaWdodCI6MC4wLCJCb3JkZXJTdHlsZSI6eyIkaWQiOiI0MjMiLCJMaW5lQ29sb3IiOm51bGwsIkxpbmVXZWlnaHQiOjAuMCwiTGluZVR5cGUiOjAsIlBhcmVudFN0eWxlIjpudWxsfSwiUGFyZW50U3R5bGUiOm51bGx9LCJEdXJhdGlvbl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zNiIsIk1hcmdpbiI6eyIkcmVmIjoiMTM4In0sIlBhZGRpbmciOnsiJHJlZiI6IjEzOSJ9LCJCYWNrZ3JvdW5kIjp7IiRpZCI6IjQzNyIsIkNvbG9yIjp7IiRpZCI6IjQzOCIsIkEiOjI1NSwiUiI6MCwiRyI6MTE0LCJCIjoxODh9fSwiSXNWaXNpYmxlIjp0cnVlLCJXaWR0aCI6MC4wLCJIZWlnaHQiOjE2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lRpdGxlU3R5bGUiOnsiJGlkIjoiNDQyIiwiRm9udFNldHRpbmdzIjp7IiRpZCI6IjQ0MyIsIkZvbnRTaXplIjoxMSwiRm9udE5hbWUiOiJDYWxpYnJpIiwiSXNCb2xkIjp0cnVlLCJJc0l0YWxpYyI6ZmFsc2UsIklzVW5kZXJsaW5lZCI6ZmFsc2UsIlBhcmVudFN0eWxlIjpudWxsfSwiQXV0b1NpemUiOjAsIkZvcmVncm91bmQiOnsiJGlkIjoiNDQ0IiwiQ29sb3IiOnsiJGlkIjoiNDQ1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E0OSJ9LCJQYWRkaW5nIjp7IiRyZWYiOiIxNTAifSwiQmFja2dyb3VuZCI6eyIkaWQiOiI0ODgiLCJDb2xvciI6eyIkcmVmIjoiNDY0In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DkifSwiUGFkZGluZyI6eyIkcmVmIjoiMTUwIn0sIkJhY2tncm91bmQiOnsiJGlkIjoiNTMwIiwiQ29sb3IiOnsiJHJlZiI6IjUwNiJ9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AsIkZvbnROYW1lIjoiQ2FsaWJyaSIsIklzQm9sZCI6ZmFsc2UsIklzSXRhbGljIjpmYWxzZSwiSXNVbmRlcmxpbmVkIjpmYWxzZSwiUGFyZW50U3R5bGUiOm51bGx9LCJBdXRvU2l6ZSI6MCwiRm9yZWdyb3VuZCI6eyIkaWQiOiI1MzQiLCJDb2xvciI6eyIkaWQiOiI1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aWQiOiI1NDUiLCJDb2xvciI6eyIkaWQiOiI1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E0OSJ9LCJQYWRkaW5nIjp7IiRyZWYiOiIxNTAifSwiQmFja2dyb3VuZCI6eyIkaWQiOiI1NzIiLCJDb2xvciI6eyIkcmVmIjoiNTQ4In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U4NSIsIkltcGFPcHRpb25zIjp7IiRpZCI6IjU4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4NyIsIlVzZVRpbWUiOmZhbHNlLCJXb3JrRGF5U3RhcnQiOiIwMDowMDowMCIsIldvcmtEYXlFbmQiOiIyMzo1OTowMCJ9LCJMYXN0VXNlZFRlbXBsYXRlSWQiOiJmMzc0NjA2My0wMDRjLTQ0NWQtOTE4Ny1jZWRmN2FjZTE0M2I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Review"/>
  <p:tag name="OTLPOSITIONONTASK" val="None"/>
  <p:tag name="OTLRELATEDTASKID" val="00000000-0000-0000-0000-000000000000"/>
  <p:tag name="OTLDATE" val="2022-07-09T23:59:00.0000000Z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LeafTimeband"/>
  <p:tag name="OTLTIMEBANDSHAPEHEIGHT" val="30"/>
  <p:tag name="OTLTIMEBANDSHAPEPADDINGLEFT" val="13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2-07-09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4T23:59:00.0000000Z"/>
  <p:tag name="OTLENDDATE" val="2022-03-30T23:59:00.0000000Z"/>
  <p:tag name="OTLDURATIONFORMAT" val="day"/>
  <p:tag name="OTLSPACING" val="5"/>
  <p:tag name="OTLSHAPETHICKNESSTYPE" val="Regular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0T00:00:00.0000000Z"/>
  <p:tag name="OTLENDDATE" val="2022-04-05T23:59:00.0000000Z"/>
  <p:tag name="OTLDURATIONFORMAT" val="day"/>
  <p:tag name="OTLSPACING" val="5"/>
  <p:tag name="OTLSHAPETHICKNESSTYPE" val="Regular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6T00:00:00.0000000Z"/>
  <p:tag name="OTLENDDATE" val="2022-04-14T23:59:00.0000000Z"/>
  <p:tag name="OTLDURATIONFORMAT" val="day"/>
  <p:tag name="OTLSPACING" val="5"/>
  <p:tag name="OTLSHAPETHICKNESSTYPE" val="Regular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5T00:00:00.0000000Z"/>
  <p:tag name="OTLENDDATE" val="2022-04-18T23:59:00.0000000Z"/>
  <p:tag name="OTLDURATIONFORMAT" val="day"/>
  <p:tag name="OTLSPACING" val="5"/>
  <p:tag name="OTLSHAPETHICKNESSTYPE" val="Regular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30T23:59:00.0000000Z"/>
  <p:tag name="OTLDURATIONFORMAT" val="day"/>
  <p:tag name="OTLSPACING" val="5"/>
  <p:tag name="OTLSHAPETHICKNESSTYPE" val="Regular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Z"/>
  <p:tag name="OTLENDDATE" val="2022-05-22T23:59:00.0000000Z"/>
  <p:tag name="OTLDURATIONFORMAT" val="day"/>
  <p:tag name="OTLSPACING" val="5"/>
  <p:tag name="OTLSHAPETHICKNESSTYPE" val="Regular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3T00:00:00.0000000Z"/>
  <p:tag name="OTLENDDATE" val="2022-05-30T23:59:00.0000000Z"/>
  <p:tag name="OTLDURATIONFORMAT" val="day"/>
  <p:tag name="OTLSPACING" val="5"/>
  <p:tag name="OTLSHAPETHICKNESSTYPE" val="Regular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6-08T23:59:00.0000000Z"/>
  <p:tag name="OTLDURATIONFORMAT" val="day"/>
  <p:tag name="OTLSPACING" val="5"/>
  <p:tag name="OTLSHAPETHICKNESSTYPE" val="Regular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9T00:00:00.0000000Z"/>
  <p:tag name="OTLENDDATE" val="2022-06-16T23:59:00.0000000Z"/>
  <p:tag name="OTLDURATIONFORMAT" val="day"/>
  <p:tag name="OTLSPACING" val="5"/>
  <p:tag name="OTLSHAPETHICKNESSTYPE" val="Regular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363</TotalTime>
  <Words>110</Words>
  <Application>Microsoft Office PowerPoint</Application>
  <PresentationFormat>Widescreen</PresentationFormat>
  <Paragraphs>4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ohan Allen</dc:creator>
  <cp:lastModifiedBy>Rohan Allen</cp:lastModifiedBy>
  <cp:revision>5</cp:revision>
  <dcterms:created xsi:type="dcterms:W3CDTF">2022-06-04T16:54:32Z</dcterms:created>
  <dcterms:modified xsi:type="dcterms:W3CDTF">2022-07-07T12:25:02Z</dcterms:modified>
</cp:coreProperties>
</file>